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varScale="1">
        <p:scale>
          <a:sx n="91" d="100"/>
          <a:sy n="91" d="100"/>
        </p:scale>
        <p:origin x="1368" y="72"/>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3-7-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3-7-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heusd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Graphics, Lettertype, schermopname&#10;&#10;Automatisch gegenereerde beschrijving">
            <a:extLst>
              <a:ext uri="{FF2B5EF4-FFF2-40B4-BE49-F238E27FC236}">
                <a16:creationId xmlns:a16="http://schemas.microsoft.com/office/drawing/2014/main" id="{680208BF-6DAB-91F7-2948-94D81A5B1AA7}"/>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66277" y="4560410"/>
            <a:ext cx="2404695" cy="2087275"/>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Graphics, Lettertype, schermopname&#10;&#10;Automatisch gegenereerde beschrijving">
            <a:extLst>
              <a:ext uri="{FF2B5EF4-FFF2-40B4-BE49-F238E27FC236}">
                <a16:creationId xmlns:a16="http://schemas.microsoft.com/office/drawing/2014/main" id="{605E4F93-8811-2567-46FF-EEF1542A600D}"/>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05422" y="3868806"/>
            <a:ext cx="1684573" cy="1462209"/>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4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4</cp:revision>
  <dcterms:created xsi:type="dcterms:W3CDTF">2019-07-30T10:24:44Z</dcterms:created>
  <dcterms:modified xsi:type="dcterms:W3CDTF">2024-07-23T11:02:57Z</dcterms:modified>
</cp:coreProperties>
</file>